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13_ncr:1_{3C2B8DAD-791D-47EC-A910-C8126DFB7F8E}" xr6:coauthVersionLast="47" xr6:coauthVersionMax="47" xr10:uidLastSave="{00000000-0000-0000-0000-000000000000}"/>
  <bookViews>
    <workbookView xWindow="-108" yWindow="-108" windowWidth="23256" windowHeight="12576" xr2:uid="{B32E7C13-5FC0-4C77-AFC6-33496B8AB597}"/>
  </bookViews>
  <sheets>
    <sheet name="３．（２）大沢野～細入地域人口増減率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0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沢野、大山、八尾、婦中、山田、細入地域地区別人口増減率</a:t>
            </a:r>
            <a:r>
              <a:rPr lang="ja-JP" altLang="en-US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（</a:t>
            </a:r>
            <a:r>
              <a:rPr lang="en-US" altLang="ja-JP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R5</a:t>
            </a:r>
            <a:r>
              <a:rPr lang="ja-JP" altLang="en-US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/</a:t>
            </a:r>
            <a:r>
              <a:rPr lang="en-US" altLang="ja-JP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R4</a:t>
            </a:r>
            <a:r>
              <a:rPr lang="ja-JP" altLang="en-US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）</a:t>
            </a:r>
          </a:p>
        </c:rich>
      </c:tx>
      <c:layout>
        <c:manualLayout>
          <c:xMode val="edge"/>
          <c:yMode val="edge"/>
          <c:x val="0.20785935681343667"/>
          <c:y val="2.7683592336881644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4.8483316063033487E-2"/>
          <c:y val="0.12620425670706753"/>
          <c:w val="0.90692864529472594"/>
          <c:h val="0.82372881355932204"/>
        </c:manualLayout>
      </c:layout>
      <c:barChart>
        <c:barDir val="col"/>
        <c:grouping val="clustered"/>
        <c:varyColors val="0"/>
        <c:ser>
          <c:idx val="13"/>
          <c:order val="0"/>
          <c:tx>
            <c:strRef>
              <c:f>'[1]地区別人口・世帯集計表 (集計用)'!$I$2</c:f>
              <c:strCache>
                <c:ptCount val="1"/>
                <c:pt idx="0">
                  <c:v>人口の
増減率
（R05/R04）</c:v>
                </c:pt>
              </c:strCache>
            </c:strRef>
          </c:tx>
          <c:spPr>
            <a:solidFill>
              <a:srgbClr val="99CCFF"/>
            </a:solidFill>
            <a:ln w="25400">
              <a:noFill/>
            </a:ln>
          </c:spPr>
          <c:invertIfNegative val="0"/>
          <c:dLbls>
            <c:dLbl>
              <c:idx val="0"/>
              <c:layout>
                <c:manualLayout>
                  <c:x val="-1.2576294393460924E-3"/>
                  <c:y val="-1.389045302514208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7D58-40AC-977C-EC07147FF3BF}"/>
                </c:ext>
              </c:extLst>
            </c:dLbl>
            <c:dLbl>
              <c:idx val="1"/>
              <c:layout>
                <c:manualLayout>
                  <c:x val="-1.361251238394255E-3"/>
                  <c:y val="-1.4384925213773835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7D58-40AC-977C-EC07147FF3BF}"/>
                </c:ext>
              </c:extLst>
            </c:dLbl>
            <c:dLbl>
              <c:idx val="2"/>
              <c:layout>
                <c:manualLayout>
                  <c:x val="-6.0292995290482307E-3"/>
                  <c:y val="-5.2124199598138025E-4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7D58-40AC-977C-EC07147FF3BF}"/>
                </c:ext>
              </c:extLst>
            </c:dLbl>
            <c:dLbl>
              <c:idx val="3"/>
              <c:layout>
                <c:manualLayout>
                  <c:x val="-1.387415225579072E-3"/>
                  <c:y val="-3.0214496927626132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7D58-40AC-977C-EC07147FF3BF}"/>
                </c:ext>
              </c:extLst>
            </c:dLbl>
            <c:dLbl>
              <c:idx val="4"/>
              <c:layout>
                <c:manualLayout>
                  <c:x val="6.2876301218848827E-5"/>
                  <c:y val="-3.9994707578317069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7D58-40AC-977C-EC07147FF3BF}"/>
                </c:ext>
              </c:extLst>
            </c:dLbl>
            <c:dLbl>
              <c:idx val="5"/>
              <c:layout>
                <c:manualLayout>
                  <c:x val="-2.3850594325827714E-3"/>
                  <c:y val="2.7311357475392492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7D58-40AC-977C-EC07147FF3BF}"/>
                </c:ext>
              </c:extLst>
            </c:dLbl>
            <c:dLbl>
              <c:idx val="6"/>
              <c:layout>
                <c:manualLayout>
                  <c:x val="-2.6267402153926978E-3"/>
                  <c:y val="2.9725255620890296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7D58-40AC-977C-EC07147FF3BF}"/>
                </c:ext>
              </c:extLst>
            </c:dLbl>
            <c:dLbl>
              <c:idx val="7"/>
              <c:layout>
                <c:manualLayout>
                  <c:x val="-2.1388283911320076E-3"/>
                  <c:y val="-6.3578292455529093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7D58-40AC-977C-EC07147FF3BF}"/>
                </c:ext>
              </c:extLst>
            </c:dLbl>
            <c:dLbl>
              <c:idx val="8"/>
              <c:layout>
                <c:manualLayout>
                  <c:x val="-3.8064981829989929E-3"/>
                  <c:y val="7.031843762788809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7D58-40AC-977C-EC07147FF3BF}"/>
                </c:ext>
              </c:extLst>
            </c:dLbl>
            <c:dLbl>
              <c:idx val="9"/>
              <c:layout>
                <c:manualLayout>
                  <c:x val="0"/>
                  <c:y val="3.9020840448871922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7D58-40AC-977C-EC07147FF3BF}"/>
                </c:ext>
              </c:extLst>
            </c:dLbl>
            <c:dLbl>
              <c:idx val="10"/>
              <c:layout>
                <c:manualLayout>
                  <c:x val="-1.3815205723398051E-3"/>
                  <c:y val="-6.0705922896800851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7D58-40AC-977C-EC07147FF3BF}"/>
                </c:ext>
              </c:extLst>
            </c:dLbl>
            <c:dLbl>
              <c:idx val="11"/>
              <c:layout>
                <c:manualLayout>
                  <c:x val="1.3787657073839222E-3"/>
                  <c:y val="-1.2343259435176753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7D58-40AC-977C-EC07147FF3BF}"/>
                </c:ext>
              </c:extLst>
            </c:dLbl>
            <c:dLbl>
              <c:idx val="12"/>
              <c:layout>
                <c:manualLayout>
                  <c:x val="-2.6244650860722789E-3"/>
                  <c:y val="1.9555805817356065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C-7D58-40AC-977C-EC07147FF3BF}"/>
                </c:ext>
              </c:extLst>
            </c:dLbl>
            <c:dLbl>
              <c:idx val="13"/>
              <c:layout>
                <c:manualLayout>
                  <c:x val="0"/>
                  <c:y val="3.9066492969491553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7D58-40AC-977C-EC07147FF3BF}"/>
                </c:ext>
              </c:extLst>
            </c:dLbl>
            <c:dLbl>
              <c:idx val="14"/>
              <c:layout>
                <c:manualLayout>
                  <c:x val="-9.6312695285257627E-17"/>
                  <c:y val="-1.9091180425424548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E-7D58-40AC-977C-EC07147FF3BF}"/>
                </c:ext>
              </c:extLst>
            </c:dLbl>
            <c:dLbl>
              <c:idx val="15"/>
              <c:layout>
                <c:manualLayout>
                  <c:x val="-1.3133701076963489E-3"/>
                  <c:y val="-3.9030071416922825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F-7D58-40AC-977C-EC07147FF3BF}"/>
                </c:ext>
              </c:extLst>
            </c:dLbl>
            <c:dLbl>
              <c:idx val="16"/>
              <c:layout>
                <c:manualLayout>
                  <c:x val="-2.6293255896204463E-3"/>
                  <c:y val="7.813245208358334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7D58-40AC-977C-EC07147FF3BF}"/>
                </c:ext>
              </c:extLst>
            </c:dLbl>
            <c:dLbl>
              <c:idx val="17"/>
              <c:layout>
                <c:manualLayout>
                  <c:x val="1.3107358630318703E-3"/>
                  <c:y val="2.8819896780837972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7D58-40AC-977C-EC07147FF3BF}"/>
                </c:ext>
              </c:extLst>
            </c:dLbl>
            <c:dLbl>
              <c:idx val="18"/>
              <c:layout>
                <c:manualLayout>
                  <c:x val="-2.6247753309796085E-3"/>
                  <c:y val="-2.4173597585178758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2-7D58-40AC-977C-EC07147FF3BF}"/>
                </c:ext>
              </c:extLst>
            </c:dLbl>
            <c:dLbl>
              <c:idx val="19"/>
              <c:layout>
                <c:manualLayout>
                  <c:x val="-1.1771725933785464E-3"/>
                  <c:y val="-2.5414547390251483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7D58-40AC-977C-EC07147FF3BF}"/>
                </c:ext>
              </c:extLst>
            </c:dLbl>
            <c:dLbl>
              <c:idx val="20"/>
              <c:layout>
                <c:manualLayout>
                  <c:x val="-1.3159554819240976E-3"/>
                  <c:y val="-2.3455120571827699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4-7D58-40AC-977C-EC07147FF3BF}"/>
                </c:ext>
              </c:extLst>
            </c:dLbl>
            <c:dLbl>
              <c:idx val="21"/>
              <c:layout>
                <c:manualLayout>
                  <c:x val="-7.870913298959161E-4"/>
                  <c:y val="-2.5958251408491874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7D58-40AC-977C-EC07147FF3BF}"/>
                </c:ext>
              </c:extLst>
            </c:dLbl>
            <c:dLbl>
              <c:idx val="22"/>
              <c:layout>
                <c:manualLayout>
                  <c:x val="1.2452196430527962E-3"/>
                  <c:y val="-3.0862203185914702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6-7D58-40AC-977C-EC07147FF3BF}"/>
                </c:ext>
              </c:extLst>
            </c:dLbl>
            <c:dLbl>
              <c:idx val="23"/>
              <c:layout>
                <c:manualLayout>
                  <c:x val="2.5853742277487183E-6"/>
                  <c:y val="7.8221684774749719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7-7D58-40AC-977C-EC07147FF3BF}"/>
                </c:ext>
              </c:extLst>
            </c:dLbl>
            <c:dLbl>
              <c:idx val="24"/>
              <c:layout>
                <c:manualLayout>
                  <c:x val="-2.585374227845031E-6"/>
                  <c:y val="6.9936890948420431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8-7D58-40AC-977C-EC07147FF3BF}"/>
                </c:ext>
              </c:extLst>
            </c:dLbl>
            <c:dLbl>
              <c:idx val="25"/>
              <c:layout>
                <c:manualLayout>
                  <c:x val="-1.2453230580220988E-3"/>
                  <c:y val="6.4815242174446836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9-7D58-40AC-977C-EC07147FF3BF}"/>
                </c:ext>
              </c:extLst>
            </c:dLbl>
            <c:dLbl>
              <c:idx val="26"/>
              <c:layout>
                <c:manualLayout>
                  <c:x val="-1.3107847334686E-3"/>
                  <c:y val="1.9452726674112982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A-7D58-40AC-977C-EC07147FF3BF}"/>
                </c:ext>
              </c:extLst>
            </c:dLbl>
            <c:dLbl>
              <c:idx val="27"/>
              <c:layout>
                <c:manualLayout>
                  <c:x val="-1.3134735226654588E-3"/>
                  <c:y val="-1.9497343019695809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B-7D58-40AC-977C-EC07147FF3BF}"/>
                </c:ext>
              </c:extLst>
            </c:dLbl>
            <c:dLbl>
              <c:idx val="28"/>
              <c:layout>
                <c:manualLayout>
                  <c:x val="-2.6293255896205426E-3"/>
                  <c:y val="6.0548996439923324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C-7D58-40AC-977C-EC07147FF3BF}"/>
                </c:ext>
              </c:extLst>
            </c:dLbl>
            <c:dLbl>
              <c:idx val="29"/>
              <c:layout>
                <c:manualLayout>
                  <c:x val="0"/>
                  <c:y val="-6.058053558076635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D-7D58-40AC-977C-EC07147FF3BF}"/>
                </c:ext>
              </c:extLst>
            </c:dLbl>
            <c:dLbl>
              <c:idx val="30"/>
              <c:layout>
                <c:manualLayout>
                  <c:x val="-1.3133701076963489E-3"/>
                  <c:y val="8.9232691165655876E-6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E-7D58-40AC-977C-EC07147FF3BF}"/>
                </c:ext>
              </c:extLst>
            </c:dLbl>
            <c:dLbl>
              <c:idx val="31"/>
              <c:layout>
                <c:manualLayout>
                  <c:x val="-3.264296977627059E-3"/>
                  <c:y val="4.3925402443289029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F-7D58-40AC-977C-EC07147FF3BF}"/>
                </c:ext>
              </c:extLst>
            </c:dLbl>
            <c:spPr>
              <a:noFill/>
              <a:ln w="25400">
                <a:noFill/>
              </a:ln>
            </c:spPr>
            <c:txPr>
              <a:bodyPr/>
              <a:lstStyle/>
              <a:p>
                <a:pPr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1]地区別人口・世帯集計表 (集計用)'!$A$53:$A$84</c:f>
              <c:strCache>
                <c:ptCount val="32"/>
                <c:pt idx="0">
                  <c:v>下タ</c:v>
                </c:pt>
                <c:pt idx="1">
                  <c:v>小羽</c:v>
                </c:pt>
                <c:pt idx="2">
                  <c:v>船峅</c:v>
                </c:pt>
                <c:pt idx="3">
                  <c:v>大沢野</c:v>
                </c:pt>
                <c:pt idx="4">
                  <c:v>大久保</c:v>
                </c:pt>
                <c:pt idx="5">
                  <c:v>上滝</c:v>
                </c:pt>
                <c:pt idx="6">
                  <c:v>大山</c:v>
                </c:pt>
                <c:pt idx="7">
                  <c:v>大庄</c:v>
                </c:pt>
                <c:pt idx="8">
                  <c:v>福沢</c:v>
                </c:pt>
                <c:pt idx="9">
                  <c:v>八尾</c:v>
                </c:pt>
                <c:pt idx="10">
                  <c:v>保内</c:v>
                </c:pt>
                <c:pt idx="11">
                  <c:v>杉原</c:v>
                </c:pt>
                <c:pt idx="12">
                  <c:v>卯花</c:v>
                </c:pt>
                <c:pt idx="13">
                  <c:v>室牧</c:v>
                </c:pt>
                <c:pt idx="14">
                  <c:v>黒瀬谷</c:v>
                </c:pt>
                <c:pt idx="15">
                  <c:v>野積</c:v>
                </c:pt>
                <c:pt idx="16">
                  <c:v>仁歩</c:v>
                </c:pt>
                <c:pt idx="17">
                  <c:v>大長谷</c:v>
                </c:pt>
                <c:pt idx="18">
                  <c:v>速星</c:v>
                </c:pt>
                <c:pt idx="19">
                  <c:v>鵜坂</c:v>
                </c:pt>
                <c:pt idx="20">
                  <c:v>朝日</c:v>
                </c:pt>
                <c:pt idx="21">
                  <c:v>宮川</c:v>
                </c:pt>
                <c:pt idx="22">
                  <c:v>婦中熊野</c:v>
                </c:pt>
                <c:pt idx="23">
                  <c:v>古里</c:v>
                </c:pt>
                <c:pt idx="24">
                  <c:v>音川</c:v>
                </c:pt>
                <c:pt idx="25">
                  <c:v>神保</c:v>
                </c:pt>
                <c:pt idx="26">
                  <c:v>山田南部</c:v>
                </c:pt>
                <c:pt idx="27">
                  <c:v>山田中部</c:v>
                </c:pt>
                <c:pt idx="28">
                  <c:v>山田西部</c:v>
                </c:pt>
                <c:pt idx="29">
                  <c:v>山田東部</c:v>
                </c:pt>
                <c:pt idx="30">
                  <c:v>細入北部</c:v>
                </c:pt>
                <c:pt idx="31">
                  <c:v>細入南部</c:v>
                </c:pt>
              </c:strCache>
            </c:strRef>
          </c:cat>
          <c:val>
            <c:numRef>
              <c:f>'[1]地区別人口・世帯集計表 (集計用)'!$I$53:$I$84</c:f>
              <c:numCache>
                <c:formatCode>General</c:formatCode>
                <c:ptCount val="32"/>
                <c:pt idx="0">
                  <c:v>-7</c:v>
                </c:pt>
                <c:pt idx="1">
                  <c:v>0.4</c:v>
                </c:pt>
                <c:pt idx="2">
                  <c:v>-1.5</c:v>
                </c:pt>
                <c:pt idx="3">
                  <c:v>-1.6</c:v>
                </c:pt>
                <c:pt idx="4">
                  <c:v>1.3</c:v>
                </c:pt>
                <c:pt idx="5">
                  <c:v>-2.1</c:v>
                </c:pt>
                <c:pt idx="6">
                  <c:v>-2.4</c:v>
                </c:pt>
                <c:pt idx="7">
                  <c:v>-2.2000000000000002</c:v>
                </c:pt>
                <c:pt idx="8">
                  <c:v>-1.7</c:v>
                </c:pt>
                <c:pt idx="9">
                  <c:v>-2.8</c:v>
                </c:pt>
                <c:pt idx="10">
                  <c:v>-2.2999999999999998</c:v>
                </c:pt>
                <c:pt idx="11">
                  <c:v>-1.3</c:v>
                </c:pt>
                <c:pt idx="12">
                  <c:v>-2.2000000000000002</c:v>
                </c:pt>
                <c:pt idx="13">
                  <c:v>0.3</c:v>
                </c:pt>
                <c:pt idx="14">
                  <c:v>-1.9</c:v>
                </c:pt>
                <c:pt idx="15">
                  <c:v>-8.6</c:v>
                </c:pt>
                <c:pt idx="16">
                  <c:v>-2.9</c:v>
                </c:pt>
                <c:pt idx="17">
                  <c:v>-4.2</c:v>
                </c:pt>
                <c:pt idx="18">
                  <c:v>-0.5</c:v>
                </c:pt>
                <c:pt idx="19">
                  <c:v>-0.2</c:v>
                </c:pt>
                <c:pt idx="20">
                  <c:v>-1</c:v>
                </c:pt>
                <c:pt idx="21">
                  <c:v>-1.8</c:v>
                </c:pt>
                <c:pt idx="22">
                  <c:v>-0.8</c:v>
                </c:pt>
                <c:pt idx="23">
                  <c:v>-2.1</c:v>
                </c:pt>
                <c:pt idx="24">
                  <c:v>-1.5</c:v>
                </c:pt>
                <c:pt idx="25">
                  <c:v>0</c:v>
                </c:pt>
                <c:pt idx="26">
                  <c:v>0</c:v>
                </c:pt>
                <c:pt idx="27">
                  <c:v>-1.5</c:v>
                </c:pt>
                <c:pt idx="28">
                  <c:v>0</c:v>
                </c:pt>
                <c:pt idx="29">
                  <c:v>-0.4</c:v>
                </c:pt>
                <c:pt idx="30">
                  <c:v>-2.8</c:v>
                </c:pt>
                <c:pt idx="31">
                  <c:v>-5.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20-7D58-40AC-977C-EC07147FF3BF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471202752"/>
        <c:axId val="471203536"/>
      </c:barChart>
      <c:catAx>
        <c:axId val="471202752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wordArtVertRtl"/>
          <a:lstStyle/>
          <a:p>
            <a:pPr>
              <a:defRPr sz="875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3536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471203536"/>
        <c:scaling>
          <c:orientation val="minMax"/>
          <c:max val="2"/>
          <c:min val="-1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975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％</a:t>
                </a:r>
              </a:p>
            </c:rich>
          </c:tx>
          <c:layout>
            <c:manualLayout>
              <c:xMode val="edge"/>
              <c:yMode val="edge"/>
              <c:x val="3.6237918637751401E-2"/>
              <c:y val="7.5350251306563212E-2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875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2752"/>
        <c:crosses val="autoZero"/>
        <c:crossBetween val="between"/>
        <c:majorUnit val="2"/>
        <c:minorUnit val="1"/>
      </c:valAx>
      <c:spPr>
        <a:solidFill>
          <a:srgbClr val="FFFFCC"/>
        </a:solidFill>
        <a:ln w="12700">
          <a:solidFill>
            <a:srgbClr val="FFFFCC"/>
          </a:solidFill>
          <a:prstDash val="solid"/>
        </a:ln>
      </c:spPr>
    </c:plotArea>
    <c:plotVisOnly val="1"/>
    <c:dispBlanksAs val="gap"/>
    <c:showDLblsOverMax val="0"/>
  </c:chart>
  <c:spPr>
    <a:noFill/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</c:chartSpace>
</file>

<file path=xl/chart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330A59D1-5372-4ABC-8065-23C914327F15}">
  <sheetPr codeName="Graph96"/>
  <sheetViews>
    <sheetView tabSelected="1" workbookViewId="0"/>
  </sheetViews>
  <pageMargins left="0.47" right="0.51" top="0.52" bottom="0.51" header="0.51181102362204722" footer="0.51181102362204722"/>
  <pageSetup paperSize="9" orientation="landscape" horizontalDpi="300" verticalDpi="300" r:id="rId1"/>
  <headerFooter alignWithMargins="0"/>
  <drawing r:id="rId2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669780" cy="649986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01477902-FC93-440D-B7AC-9838C3CFC73F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I2" t="str">
            <v>人口の
増減率
（R05/R04）</v>
          </cell>
        </row>
        <row r="53">
          <cell r="A53" t="str">
            <v>下タ</v>
          </cell>
          <cell r="I53">
            <v>-7</v>
          </cell>
        </row>
        <row r="54">
          <cell r="A54" t="str">
            <v>小羽</v>
          </cell>
          <cell r="I54">
            <v>0.4</v>
          </cell>
        </row>
        <row r="55">
          <cell r="A55" t="str">
            <v>船峅</v>
          </cell>
          <cell r="I55">
            <v>-1.5</v>
          </cell>
        </row>
        <row r="56">
          <cell r="A56" t="str">
            <v>大沢野</v>
          </cell>
          <cell r="I56">
            <v>-1.6</v>
          </cell>
        </row>
        <row r="57">
          <cell r="A57" t="str">
            <v>大久保</v>
          </cell>
          <cell r="I57">
            <v>1.3</v>
          </cell>
        </row>
        <row r="58">
          <cell r="A58" t="str">
            <v>上滝</v>
          </cell>
          <cell r="I58">
            <v>-2.1</v>
          </cell>
        </row>
        <row r="59">
          <cell r="A59" t="str">
            <v>大山</v>
          </cell>
          <cell r="I59">
            <v>-2.4</v>
          </cell>
        </row>
        <row r="60">
          <cell r="A60" t="str">
            <v>大庄</v>
          </cell>
          <cell r="I60">
            <v>-2.2000000000000002</v>
          </cell>
        </row>
        <row r="61">
          <cell r="A61" t="str">
            <v>福沢</v>
          </cell>
          <cell r="I61">
            <v>-1.7</v>
          </cell>
        </row>
        <row r="62">
          <cell r="A62" t="str">
            <v>八尾</v>
          </cell>
          <cell r="I62">
            <v>-2.8</v>
          </cell>
        </row>
        <row r="63">
          <cell r="A63" t="str">
            <v>保内</v>
          </cell>
          <cell r="I63">
            <v>-2.2999999999999998</v>
          </cell>
        </row>
        <row r="64">
          <cell r="A64" t="str">
            <v>杉原</v>
          </cell>
          <cell r="I64">
            <v>-1.3</v>
          </cell>
        </row>
        <row r="65">
          <cell r="A65" t="str">
            <v>卯花</v>
          </cell>
          <cell r="I65">
            <v>-2.2000000000000002</v>
          </cell>
        </row>
        <row r="66">
          <cell r="A66" t="str">
            <v>室牧</v>
          </cell>
          <cell r="I66">
            <v>0.3</v>
          </cell>
        </row>
        <row r="67">
          <cell r="A67" t="str">
            <v>黒瀬谷</v>
          </cell>
          <cell r="I67">
            <v>-1.9</v>
          </cell>
        </row>
        <row r="68">
          <cell r="A68" t="str">
            <v>野積</v>
          </cell>
          <cell r="I68">
            <v>-8.6</v>
          </cell>
        </row>
        <row r="69">
          <cell r="A69" t="str">
            <v>仁歩</v>
          </cell>
          <cell r="I69">
            <v>-2.9</v>
          </cell>
        </row>
        <row r="70">
          <cell r="A70" t="str">
            <v>大長谷</v>
          </cell>
          <cell r="I70">
            <v>-4.2</v>
          </cell>
        </row>
        <row r="71">
          <cell r="A71" t="str">
            <v>速星</v>
          </cell>
          <cell r="I71">
            <v>-0.5</v>
          </cell>
        </row>
        <row r="72">
          <cell r="A72" t="str">
            <v>鵜坂</v>
          </cell>
          <cell r="I72">
            <v>-0.2</v>
          </cell>
        </row>
        <row r="73">
          <cell r="A73" t="str">
            <v>朝日</v>
          </cell>
          <cell r="I73">
            <v>-1</v>
          </cell>
        </row>
        <row r="74">
          <cell r="A74" t="str">
            <v>宮川</v>
          </cell>
          <cell r="I74">
            <v>-1.8</v>
          </cell>
        </row>
        <row r="75">
          <cell r="A75" t="str">
            <v>婦中熊野</v>
          </cell>
          <cell r="I75">
            <v>-0.8</v>
          </cell>
        </row>
        <row r="76">
          <cell r="A76" t="str">
            <v>古里</v>
          </cell>
          <cell r="I76">
            <v>-2.1</v>
          </cell>
        </row>
        <row r="77">
          <cell r="A77" t="str">
            <v>音川</v>
          </cell>
          <cell r="I77">
            <v>-1.5</v>
          </cell>
        </row>
        <row r="78">
          <cell r="A78" t="str">
            <v>神保</v>
          </cell>
          <cell r="I78">
            <v>0</v>
          </cell>
        </row>
        <row r="79">
          <cell r="A79" t="str">
            <v>山田南部</v>
          </cell>
          <cell r="I79">
            <v>0</v>
          </cell>
        </row>
        <row r="80">
          <cell r="A80" t="str">
            <v>山田中部</v>
          </cell>
          <cell r="I80">
            <v>-1.5</v>
          </cell>
        </row>
        <row r="81">
          <cell r="A81" t="str">
            <v>山田西部</v>
          </cell>
          <cell r="I81">
            <v>0</v>
          </cell>
        </row>
        <row r="82">
          <cell r="A82" t="str">
            <v>山田東部</v>
          </cell>
          <cell r="I82">
            <v>-0.4</v>
          </cell>
        </row>
        <row r="83">
          <cell r="A83" t="str">
            <v>細入北部</v>
          </cell>
          <cell r="I83">
            <v>-2.8</v>
          </cell>
        </row>
        <row r="84">
          <cell r="A84" t="str">
            <v>細入南部</v>
          </cell>
          <cell r="I84">
            <v>-5.4</v>
          </cell>
        </row>
      </sheetData>
      <sheetData sheetId="5" refreshError="1"/>
      <sheetData sheetId="6" refreshError="1"/>
      <sheetData sheetId="7" refreshError="1"/>
      <sheetData sheetId="8" refreshError="1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２）大沢野～細入地域人口増減率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08:25Z</dcterms:created>
  <dcterms:modified xsi:type="dcterms:W3CDTF">2023-11-09T01:20:47Z</dcterms:modified>
</cp:coreProperties>
</file>